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2-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2-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alderberge/"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ogo, Lettertype&#10;&#10;Automatisch gegenereerde beschrijving">
            <a:extLst>
              <a:ext uri="{FF2B5EF4-FFF2-40B4-BE49-F238E27FC236}">
                <a16:creationId xmlns:a16="http://schemas.microsoft.com/office/drawing/2014/main" id="{3983E6B8-8FE3-6B35-8A01-8E1C954CF93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3300" y="4487975"/>
            <a:ext cx="2379455" cy="210343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28823" y="549275"/>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ogo, Lettertype&#10;&#10;Automatisch gegenereerde beschrijving">
            <a:extLst>
              <a:ext uri="{FF2B5EF4-FFF2-40B4-BE49-F238E27FC236}">
                <a16:creationId xmlns:a16="http://schemas.microsoft.com/office/drawing/2014/main" id="{4FF8351E-2E15-82E3-4EAF-CD85D887748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8991" y="3707536"/>
            <a:ext cx="1905715" cy="168465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3-12T16:30:49Z</dcterms:modified>
</cp:coreProperties>
</file>